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e DHIS2, notamment des éléments de données, des unités d'organisation, des indicateurs et des ensembles de données, dépend du contexte et varie donc d'une implémentation à l'autre. Ces objets, appelés métadonnées, peuvent être configurés dans DHIS2 pour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associé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en forme de roue dentée, vous trouverez aussi l'option de téléchargement de la liste des éléments de données filtrés à partir de votre système DHIS2. Cette option peut s'avérer utile si vous souhaitez revoir la manière dont DHIS2 stocke ces informations ou si vous souhaitez disposer d'une copie externe pour d'autres usage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objets et gérer ceux qui existent déjà, comme d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L'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